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1" r:id="rId2"/>
    <p:sldId id="267" r:id="rId3"/>
    <p:sldId id="269" r:id="rId4"/>
    <p:sldId id="271" r:id="rId5"/>
    <p:sldId id="268" r:id="rId6"/>
    <p:sldId id="274" r:id="rId7"/>
    <p:sldId id="273" r:id="rId8"/>
    <p:sldId id="275" r:id="rId9"/>
    <p:sldId id="276" r:id="rId10"/>
    <p:sldId id="260" r:id="rId11"/>
  </p:sldIdLst>
  <p:sldSz cx="12188825" cy="6858000"/>
  <p:notesSz cx="6797675" cy="9926638"/>
  <p:embeddedFontLst>
    <p:embeddedFont>
      <p:font typeface="AU Passata" panose="020B0604020202020204" charset="0"/>
      <p:regular r:id="rId14"/>
      <p:bold r:id="rId15"/>
    </p:embeddedFont>
    <p:embeddedFont>
      <p:font typeface="AU Passata Light" panose="020B0604020202020204" charset="0"/>
      <p:regular r:id="rId16"/>
      <p:bold r:id="rId17"/>
    </p:embeddedFont>
    <p:embeddedFont>
      <p:font typeface="AU Peto" panose="020B0604020202020204" charset="0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  <p:embeddedFont>
      <p:font typeface="Wingdings 3" panose="05040102010807070707" pitchFamily="18" charset="2"/>
      <p:regular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78F5F0C-1709-4747-A53D-26D24A319A34}" v="18" dt="2021-05-10T09:15:36.01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134" autoAdjust="0"/>
    <p:restoredTop sz="93399" autoAdjust="0"/>
  </p:normalViewPr>
  <p:slideViewPr>
    <p:cSldViewPr snapToObjects="1" showGuides="1">
      <p:cViewPr varScale="1">
        <p:scale>
          <a:sx n="85" d="100"/>
          <a:sy n="85" d="100"/>
        </p:scale>
        <p:origin x="1104" y="4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font" Target="fonts/font13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33" Type="http://schemas.microsoft.com/office/2015/10/relationships/revisionInfo" Target="revisionInfo.xml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font" Target="fonts/font14.fntdata"/><Relationship Id="rId30" Type="http://schemas.openxmlformats.org/officeDocument/2006/relationships/viewProps" Target="viewProp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intelligenc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72097233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EA480B83-ECFC-184B-A822-6B75302F15B3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>
                <a:solidFill>
                  <a:schemeClr val="bg1"/>
                </a:solidFill>
              </a:rPr>
              <a:t>Centre for</a:t>
            </a:r>
            <a:br>
              <a:rPr lang="en-AU" sz="1000" dirty="0">
                <a:solidFill>
                  <a:schemeClr val="bg1"/>
                </a:solidFill>
              </a:rPr>
            </a:br>
            <a:r>
              <a:rPr lang="en-AU" sz="900" dirty="0">
                <a:solidFill>
                  <a:schemeClr val="bg1"/>
                </a:solidFill>
              </a:rPr>
              <a:t>Educational Development</a:t>
            </a:r>
            <a:endParaRPr lang="en-AU" sz="1000" dirty="0">
              <a:solidFill>
                <a:schemeClr val="bg1"/>
              </a:solidFill>
            </a:endParaRP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80341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903320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94151128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73701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may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3284" y="6006159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Center for hybrid </a:t>
            </a:r>
            <a:r>
              <a:rPr lang="da-DK" sz="700" b="0" kern="1200" cap="all" baseline="0" dirty="0" err="1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intelligence</a:t>
            </a:r>
            <a:endParaRPr lang="da-DK" sz="700" b="0" kern="1200" cap="all" baseline="0" dirty="0">
              <a:solidFill>
                <a:schemeClr val="tx1"/>
              </a:solidFill>
              <a:latin typeface="AU Passata" pitchFamily="34" charset="0"/>
              <a:ea typeface="+mn-ea"/>
              <a:cs typeface="+mn-cs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6-05-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7F8C7070-03DE-4C4C-9850-4EE9C410BD8F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/>
              <a:t>Centre for</a:t>
            </a:r>
            <a:br>
              <a:rPr lang="en-AU" sz="1000" dirty="0"/>
            </a:br>
            <a:r>
              <a:rPr lang="en-AU" sz="900" dirty="0"/>
              <a:t>Educational Development</a:t>
            </a:r>
            <a:endParaRPr lang="en-AU" sz="1000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Relationship Id="rId5" Type="http://schemas.microsoft.com/office/2007/relationships/hdphoto" Target="../media/hdphoto2.wdp"/><Relationship Id="rId4" Type="http://schemas.openxmlformats.org/officeDocument/2006/relationships/image" Target="../media/image11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logo">
            <a:extLst>
              <a:ext uri="{FF2B5EF4-FFF2-40B4-BE49-F238E27FC236}">
                <a16:creationId xmlns:a16="http://schemas.microsoft.com/office/drawing/2014/main" id="{FD302CDF-B0CB-524B-84A0-D1D1C05947D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EE24CD50-F098-1945-A178-E69CD705CBBD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2BD7BE38-B1B0-BF4C-8118-0A22EC8E5141}"/>
              </a:ext>
            </a:extLst>
          </p:cNvPr>
          <p:cNvSpPr txBox="1">
            <a:spLocks/>
          </p:cNvSpPr>
          <p:nvPr/>
        </p:nvSpPr>
        <p:spPr bwMode="auto">
          <a:xfrm>
            <a:off x="985838" y="2759340"/>
            <a:ext cx="10220325" cy="1107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sz="4000" b="0" dirty="0"/>
              <a:t>Agent-</a:t>
            </a:r>
            <a:r>
              <a:rPr lang="da-DK" sz="4000" b="0" dirty="0" err="1"/>
              <a:t>based</a:t>
            </a:r>
            <a:r>
              <a:rPr lang="da-DK" sz="4000" b="0" dirty="0"/>
              <a:t> </a:t>
            </a:r>
            <a:r>
              <a:rPr lang="da-DK" sz="4000" b="0" dirty="0" err="1"/>
              <a:t>modelling</a:t>
            </a:r>
            <a:r>
              <a:rPr lang="da-DK" sz="4000" b="0" dirty="0"/>
              <a:t> of Language </a:t>
            </a:r>
            <a:r>
              <a:rPr lang="da-DK" sz="4000" dirty="0" err="1"/>
              <a:t>development</a:t>
            </a:r>
            <a:r>
              <a:rPr lang="da-DK" sz="4000" dirty="0"/>
              <a:t> on St. Thomas</a:t>
            </a:r>
            <a:endParaRPr lang="en-AU" sz="2800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logo">
            <a:extLst>
              <a:ext uri="{FF2B5EF4-FFF2-40B4-BE49-F238E27FC236}">
                <a16:creationId xmlns:a16="http://schemas.microsoft.com/office/drawing/2014/main" id="{D1CD82A6-EAD7-2F46-B8E3-D0872FCFDFF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65819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C3FEA56-1209-1049-9849-3DDF9A589AF3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54031D-B90E-4538-9217-358114AB1F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The University </a:t>
            </a:r>
            <a:r>
              <a:rPr lang="da-DK" dirty="0" err="1"/>
              <a:t>curricular</a:t>
            </a:r>
            <a:r>
              <a:rPr lang="da-DK" dirty="0"/>
              <a:t> unit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89B015-9128-402D-A158-350F5B3B4A9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Linguistics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  <a:p>
            <a:endParaRPr lang="en-US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E35336-EB6F-4D24-806E-DD471296C1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38EED-D014-4517-9F81-EEA0CA3BE1DD}" type="datetime1">
              <a:rPr lang="da-DK" smtClean="0"/>
              <a:t>06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A7BB63C-9678-4127-B306-D73052121A0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18148" y="3645024"/>
            <a:ext cx="5089961" cy="23936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47234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big question does the model answer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sz="2200" b="1" dirty="0"/>
          </a:p>
          <a:p>
            <a:pPr>
              <a:buNone/>
            </a:pPr>
            <a:r>
              <a:rPr lang="en-US" sz="2200" b="1" dirty="0"/>
              <a:t>What model assumptions must be there for the simulation to result in convergence on a common language?</a:t>
            </a:r>
          </a:p>
          <a:p>
            <a:pPr>
              <a:buNone/>
            </a:pPr>
            <a:endParaRPr lang="en-US" sz="22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model / simulation is a virtual lab</a:t>
            </a:r>
          </a:p>
          <a:p>
            <a:pPr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mitations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Remember: the model is a simplification of rea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What does it NOT include?</a:t>
            </a:r>
          </a:p>
          <a:p>
            <a:pPr marL="774900" lvl="1" indent="-342900"/>
            <a:r>
              <a:rPr lang="en-US" sz="1400" dirty="0"/>
              <a:t>The lexical development of the population</a:t>
            </a:r>
          </a:p>
          <a:p>
            <a:pPr marL="774900" lvl="1" indent="-342900"/>
            <a:r>
              <a:rPr lang="en-US" sz="1400" dirty="0"/>
              <a:t>Who do people communicate with?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06-05-2021</a:t>
            </a:fld>
            <a:r>
              <a:rPr lang="da-DK"/>
              <a:t>26-04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7035677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ment of languag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How their language is represented</a:t>
            </a:r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ALS-Features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Phonetic and Grammatical</a:t>
            </a:r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06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D8F2A41-5F6A-49BD-8F4F-ACF0D55090A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33748" y="2129879"/>
            <a:ext cx="6487988" cy="3597884"/>
          </a:xfrm>
          <a:prstGeom prst="rect">
            <a:avLst/>
          </a:prstGeom>
        </p:spPr>
      </p:pic>
      <p:sp>
        <p:nvSpPr>
          <p:cNvPr id="9" name="Arrow: Right 8">
            <a:extLst>
              <a:ext uri="{FF2B5EF4-FFF2-40B4-BE49-F238E27FC236}">
                <a16:creationId xmlns:a16="http://schemas.microsoft.com/office/drawing/2014/main" id="{C46B42DB-3152-434F-B6F2-144F5743F0CB}"/>
              </a:ext>
            </a:extLst>
          </p:cNvPr>
          <p:cNvSpPr/>
          <p:nvPr/>
        </p:nvSpPr>
        <p:spPr bwMode="auto">
          <a:xfrm>
            <a:off x="5014292" y="2420888"/>
            <a:ext cx="288032" cy="144016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648717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Only choosing partner from own plan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10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D13A3F7B-063A-4084-9977-CDD4DADCD94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13892" y="2780928"/>
            <a:ext cx="8472939" cy="29329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E70FD3F-6156-4D46-9B4B-EF783D0356B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3812" y="329167"/>
            <a:ext cx="9411843" cy="32618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335394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1/10 for choosing a random person on the island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3/10 for choosing a random person from the closest plan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6/10 for choosing a random person from own plant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07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316DB8C-2871-492A-91E6-5666DF3DE6C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5860" y="3462119"/>
            <a:ext cx="8326661" cy="2890548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A602BD0-F2D3-47F1-B320-5748ABE8DD9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71205" y="3384140"/>
            <a:ext cx="8300525" cy="28905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07572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DE71-64DC-46E3-9467-6D9CAC38A4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6654F9-6B2A-464C-B070-468BD55968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12193" y="1913782"/>
            <a:ext cx="4172469" cy="2376264"/>
          </a:xfrm>
        </p:spPr>
        <p:txBody>
          <a:bodyPr/>
          <a:lstStyle/>
          <a:p>
            <a:pPr>
              <a:buNone/>
            </a:pPr>
            <a:endParaRPr lang="en-US" dirty="0"/>
          </a:p>
          <a:p>
            <a:pPr algn="ctr">
              <a:buNone/>
            </a:pPr>
            <a:r>
              <a:rPr lang="en-US" dirty="0"/>
              <a:t>Partner from own plantation:</a:t>
            </a:r>
          </a:p>
          <a:p>
            <a:pPr>
              <a:buNone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B534F6-09F1-495D-B124-C0E80F1BFF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799A8-5828-47A7-99E9-F358337501E2}" type="datetime1">
              <a:rPr lang="da-DK" smtClean="0"/>
              <a:t>10-05-2021</a:t>
            </a:fld>
            <a:r>
              <a:rPr lang="da-DK"/>
              <a:t>26-04-2021</a:t>
            </a:r>
            <a:endParaRPr lang="da-DK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EFF950DB-BD10-4D4F-AA1B-66615A97BA94}"/>
              </a:ext>
            </a:extLst>
          </p:cNvPr>
          <p:cNvSpPr txBox="1">
            <a:spLocks/>
          </p:cNvSpPr>
          <p:nvPr/>
        </p:nvSpPr>
        <p:spPr bwMode="auto">
          <a:xfrm>
            <a:off x="6814492" y="1914526"/>
            <a:ext cx="4532510" cy="2382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endParaRPr lang="en-US" kern="0" dirty="0"/>
          </a:p>
          <a:p>
            <a:pPr algn="ctr">
              <a:buFont typeface="Calibri" panose="020F0502020204030204" pitchFamily="34" charset="0"/>
              <a:buNone/>
            </a:pPr>
            <a:r>
              <a:rPr lang="en-US" kern="0" dirty="0"/>
              <a:t>Partner from own, random and </a:t>
            </a:r>
            <a:r>
              <a:rPr lang="en-US" kern="0" dirty="0" err="1"/>
              <a:t>neighbour</a:t>
            </a:r>
            <a:r>
              <a:rPr lang="en-US" kern="0" dirty="0"/>
              <a:t> plantation:</a:t>
            </a:r>
          </a:p>
          <a:p>
            <a:pPr>
              <a:buFont typeface="Calibri" panose="020F0502020204030204" pitchFamily="34" charset="0"/>
              <a:buNone/>
            </a:pPr>
            <a:endParaRPr lang="en-DK" kern="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8E3A319-2899-414F-A353-2F81CCD5568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29916" y="3326612"/>
            <a:ext cx="2228850" cy="131445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5F7509E-BFA1-4061-A078-18B92776D31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56797" y="3101914"/>
            <a:ext cx="2247900" cy="1543050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A6EAFF07-8A7E-4012-8730-1E3E65B35D7A}"/>
              </a:ext>
            </a:extLst>
          </p:cNvPr>
          <p:cNvSpPr txBox="1"/>
          <p:nvPr/>
        </p:nvSpPr>
        <p:spPr>
          <a:xfrm>
            <a:off x="4184501" y="5252125"/>
            <a:ext cx="381982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Pretty much the same thing</a:t>
            </a: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8576168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DE71-64DC-46E3-9467-6D9CAC38A4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Comparing runs: partner choic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6654F9-6B2A-464C-B070-468BD55968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0229" y="1574906"/>
            <a:ext cx="4172469" cy="2376264"/>
          </a:xfrm>
        </p:spPr>
        <p:txBody>
          <a:bodyPr/>
          <a:lstStyle/>
          <a:p>
            <a:pPr>
              <a:buNone/>
            </a:pPr>
            <a:endParaRPr lang="en-US" dirty="0"/>
          </a:p>
          <a:p>
            <a:pPr algn="ctr">
              <a:buNone/>
            </a:pPr>
            <a:r>
              <a:rPr lang="en-US" dirty="0"/>
              <a:t>Partner from own plantation:</a:t>
            </a:r>
          </a:p>
          <a:p>
            <a:pPr>
              <a:buNone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B534F6-09F1-495D-B124-C0E80F1BFF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799A8-5828-47A7-99E9-F358337501E2}" type="datetime1">
              <a:rPr lang="da-DK" smtClean="0"/>
              <a:t>10-05-2021</a:t>
            </a:fld>
            <a:r>
              <a:rPr lang="da-DK"/>
              <a:t>26-04-2021</a:t>
            </a:r>
            <a:endParaRPr lang="da-DK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EFF950DB-BD10-4D4F-AA1B-66615A97BA94}"/>
              </a:ext>
            </a:extLst>
          </p:cNvPr>
          <p:cNvSpPr txBox="1">
            <a:spLocks/>
          </p:cNvSpPr>
          <p:nvPr/>
        </p:nvSpPr>
        <p:spPr bwMode="auto">
          <a:xfrm>
            <a:off x="6814102" y="1471707"/>
            <a:ext cx="4532510" cy="2382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endParaRPr lang="en-US" kern="0" dirty="0"/>
          </a:p>
          <a:p>
            <a:pPr algn="ctr">
              <a:buFont typeface="Calibri" panose="020F0502020204030204" pitchFamily="34" charset="0"/>
              <a:buNone/>
            </a:pPr>
            <a:r>
              <a:rPr lang="en-US" kern="0" dirty="0"/>
              <a:t>Partner from own, random and </a:t>
            </a:r>
            <a:r>
              <a:rPr lang="en-US" kern="0" dirty="0" err="1"/>
              <a:t>neighbour</a:t>
            </a:r>
            <a:r>
              <a:rPr lang="en-US" kern="0" dirty="0"/>
              <a:t> plantation:</a:t>
            </a:r>
          </a:p>
          <a:p>
            <a:pPr>
              <a:buFont typeface="Calibri" panose="020F0502020204030204" pitchFamily="34" charset="0"/>
              <a:buNone/>
            </a:pPr>
            <a:endParaRPr lang="en-DK" kern="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6EAFF07-8A7E-4012-8730-1E3E65B35D7A}"/>
              </a:ext>
            </a:extLst>
          </p:cNvPr>
          <p:cNvSpPr txBox="1"/>
          <p:nvPr/>
        </p:nvSpPr>
        <p:spPr>
          <a:xfrm>
            <a:off x="1006551" y="5241968"/>
            <a:ext cx="381982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Walz-Feature level adoption for each plantation</a:t>
            </a:r>
            <a:endParaRPr lang="en-DK" sz="1600" dirty="0">
              <a:latin typeface="+mn-lt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CB670CD-C453-4E3C-AF50-B0F014176C3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5858" y="2533711"/>
            <a:ext cx="3581209" cy="231092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215E715-0A0E-402F-9877-E71C725E6A6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43143" y="2533711"/>
            <a:ext cx="3819822" cy="2511774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A2DDBED8-9CD8-44C3-A160-CC2EFC63A51A}"/>
              </a:ext>
            </a:extLst>
          </p:cNvPr>
          <p:cNvSpPr txBox="1"/>
          <p:nvPr/>
        </p:nvSpPr>
        <p:spPr>
          <a:xfrm>
            <a:off x="7170446" y="5230618"/>
            <a:ext cx="381982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More general spread of Walz-Feature levels</a:t>
            </a: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0754496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8</Words>
  <Application>Microsoft Office PowerPoint</Application>
  <PresentationFormat>Custom</PresentationFormat>
  <Paragraphs>82</Paragraphs>
  <Slides>10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8" baseType="lpstr">
      <vt:lpstr>Arial</vt:lpstr>
      <vt:lpstr>AU Passata</vt:lpstr>
      <vt:lpstr>AU Passata Light</vt:lpstr>
      <vt:lpstr>Calibri</vt:lpstr>
      <vt:lpstr>AU Peto</vt:lpstr>
      <vt:lpstr>Wingdings 3</vt:lpstr>
      <vt:lpstr>Georgia</vt:lpstr>
      <vt:lpstr>AU 16:9</vt:lpstr>
      <vt:lpstr>PowerPoint Presentation</vt:lpstr>
      <vt:lpstr>The University curricular unit</vt:lpstr>
      <vt:lpstr>What big question does the model answer?</vt:lpstr>
      <vt:lpstr>Limitations</vt:lpstr>
      <vt:lpstr>Development of language</vt:lpstr>
      <vt:lpstr>Comparing runs: partner choice</vt:lpstr>
      <vt:lpstr>Comparing runs: partner choice</vt:lpstr>
      <vt:lpstr>Comparing runs: partner choice</vt:lpstr>
      <vt:lpstr>Comparing runs: partner choic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11T07:09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